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toyama-city.local\19活力都市創造部\1911交通政策\s1\02公共交通活性化推進事業\10タクシー\R5\申請様式\"/>
    </mc:Choice>
  </mc:AlternateContent>
  <xr:revisionPtr revIDLastSave="0" documentId="13_ncr:1_{C92CFBFA-6195-489C-97FA-7C79B2A59F82}" xr6:coauthVersionLast="47" xr6:coauthVersionMax="47" xr10:uidLastSave="{00000000-0000-0000-0000-000000000000}"/>
  <bookViews>
    <workbookView xWindow="-120" yWindow="-120" windowWidth="29040" windowHeight="15720" xr2:uid="{F0351557-726C-4FA4-AA7F-B44900734E0A}"/>
  </bookViews>
  <sheets>
    <sheet name="申請書（1-1） (第１期)" sheetId="1" r:id="rId1"/>
  </sheets>
  <definedNames>
    <definedName name="_xlnm.Print_Area" localSheetId="0">'申請書（1-1） (第１期)'!$A$1:$N$9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C31" i="1" l="1"/>
  <c r="C30" i="1"/>
  <c r="C29" i="1"/>
  <c r="C28" i="1"/>
  <c r="C27" i="1"/>
  <c r="C26" i="1"/>
  <c r="C25" i="1"/>
</calcChain>
</file>

<file path=xl/sharedStrings.xml><?xml version="1.0" encoding="utf-8"?>
<sst xmlns="http://schemas.openxmlformats.org/spreadsheetml/2006/main" count="103" uniqueCount="75">
  <si>
    <t>様式第１－１号（第５条関係）</t>
    <phoneticPr fontId="2"/>
  </si>
  <si>
    <t>令和　　年　　月　　日　</t>
    <phoneticPr fontId="2"/>
  </si>
  <si>
    <t>　（宛先）富山市長</t>
    <rPh sb="2" eb="4">
      <t>アテサキ</t>
    </rPh>
    <rPh sb="7" eb="9">
      <t>シチョウ</t>
    </rPh>
    <phoneticPr fontId="2"/>
  </si>
  <si>
    <t>申請者住所（法人の場合は本社所在地）</t>
    <phoneticPr fontId="2"/>
  </si>
  <si>
    <t>　〒</t>
    <phoneticPr fontId="2"/>
  </si>
  <si>
    <t>申請者名（事業者名(法人名・屋号)及び代表者職氏名）</t>
    <phoneticPr fontId="2"/>
  </si>
  <si>
    <t>富山市タクシー燃料価格高騰対策支援事業費補助金（第１期）</t>
    <rPh sb="2" eb="3">
      <t>シ</t>
    </rPh>
    <rPh sb="24" eb="25">
      <t>ダイ</t>
    </rPh>
    <rPh sb="26" eb="27">
      <t>キ</t>
    </rPh>
    <phoneticPr fontId="2"/>
  </si>
  <si>
    <t>交付申請書及び実績報告書</t>
    <phoneticPr fontId="2"/>
  </si>
  <si>
    <t>　富山市タクシー燃料価格高騰対策支援事業費補助金交付要綱（以下「交付要綱」という。）第５</t>
    <rPh sb="3" eb="4">
      <t>シ</t>
    </rPh>
    <phoneticPr fontId="2"/>
  </si>
  <si>
    <t>条の規定に基づき、次のとおり必要書類を添えて補助金の交付を申請します。</t>
    <phoneticPr fontId="2"/>
  </si>
  <si>
    <t>なお、交付要綱記載の交付要件及び下記のすべての事項について、宣誓又は同意いたします。</t>
    <phoneticPr fontId="2"/>
  </si>
  <si>
    <t>記</t>
    <rPh sb="0" eb="1">
      <t>キ</t>
    </rPh>
    <phoneticPr fontId="2"/>
  </si>
  <si>
    <t>１　補助金申請額</t>
    <phoneticPr fontId="2"/>
  </si>
  <si>
    <t>金</t>
    <rPh sb="0" eb="1">
      <t>キン</t>
    </rPh>
    <phoneticPr fontId="2"/>
  </si>
  <si>
    <t>円　（３～９月分計）</t>
  </si>
  <si>
    <t>３月：</t>
    <rPh sb="1" eb="2">
      <t>ガツ</t>
    </rPh>
    <phoneticPr fontId="2"/>
  </si>
  <si>
    <t>円（＝</t>
    <rPh sb="0" eb="1">
      <t>エン</t>
    </rPh>
    <phoneticPr fontId="2"/>
  </si>
  <si>
    <t>円×</t>
    <rPh sb="0" eb="1">
      <t>エン</t>
    </rPh>
    <phoneticPr fontId="2"/>
  </si>
  <si>
    <t>台）</t>
    <rPh sb="0" eb="1">
      <t>ダイ</t>
    </rPh>
    <phoneticPr fontId="2"/>
  </si>
  <si>
    <t>４月：</t>
    <rPh sb="1" eb="2">
      <t>ガツ</t>
    </rPh>
    <phoneticPr fontId="2"/>
  </si>
  <si>
    <t>５月：</t>
    <rPh sb="1" eb="2">
      <t>ガツ</t>
    </rPh>
    <phoneticPr fontId="2"/>
  </si>
  <si>
    <t>６月：</t>
    <rPh sb="1" eb="2">
      <t>ガツ</t>
    </rPh>
    <phoneticPr fontId="2"/>
  </si>
  <si>
    <t>７月：</t>
    <rPh sb="1" eb="2">
      <t>ガツ</t>
    </rPh>
    <phoneticPr fontId="2"/>
  </si>
  <si>
    <t>８月：</t>
    <rPh sb="1" eb="2">
      <t>ガツ</t>
    </rPh>
    <phoneticPr fontId="2"/>
  </si>
  <si>
    <t>９月：</t>
    <rPh sb="1" eb="2">
      <t>ガツ</t>
    </rPh>
    <phoneticPr fontId="2"/>
  </si>
  <si>
    <t>　↑月別の金額は油種、車種にかかわらず固定ですので、修正しないでください。</t>
    <rPh sb="2" eb="4">
      <t>ツキベツ</t>
    </rPh>
    <rPh sb="5" eb="7">
      <t>キンガク</t>
    </rPh>
    <rPh sb="8" eb="10">
      <t>ユシュ</t>
    </rPh>
    <rPh sb="11" eb="13">
      <t>シャシュ</t>
    </rPh>
    <rPh sb="19" eb="21">
      <t>コテイ</t>
    </rPh>
    <rPh sb="26" eb="28">
      <t>シュウセイ</t>
    </rPh>
    <phoneticPr fontId="2"/>
  </si>
  <si>
    <r>
      <rPr>
        <b/>
        <sz val="16"/>
        <rFont val="ＭＳ ゴシック"/>
        <family val="3"/>
        <charset val="128"/>
      </rPr>
      <t>２　宣誓・同意事項</t>
    </r>
    <r>
      <rPr>
        <sz val="14"/>
        <rFont val="ＭＳ ゴシック"/>
        <family val="3"/>
        <charset val="128"/>
      </rPr>
      <t>　</t>
    </r>
    <r>
      <rPr>
        <sz val="14"/>
        <rFont val="ＭＳ 明朝"/>
        <family val="1"/>
        <charset val="128"/>
      </rPr>
      <t>※以下の項目に宣誓又は同意する場合にチェック印を入れて下さい。</t>
    </r>
    <phoneticPr fontId="2"/>
  </si>
  <si>
    <t>　　　　　　　　　　　（交付にはすべての項目に☑の印が必要です。）</t>
    <phoneticPr fontId="2"/>
  </si>
  <si>
    <t>□</t>
    <phoneticPr fontId="2"/>
  </si>
  <si>
    <t>交付要綱第４条に規定する補助事業者及び補助対象車両です。</t>
    <phoneticPr fontId="2"/>
  </si>
  <si>
    <t>市長が行う関係書類の提出指示、事情聴取及び立入検査には誠実に応じます。</t>
    <rPh sb="0" eb="2">
      <t>シチョウ</t>
    </rPh>
    <phoneticPr fontId="2"/>
  </si>
  <si>
    <t>申請者（または事業者）及び本事業に従事する者は、暴力団（暴力団員による不当な行為の</t>
    <phoneticPr fontId="2"/>
  </si>
  <si>
    <t>防止等に関する法律第２条第２号に規定する暴力団）には一切関わりありません。</t>
    <phoneticPr fontId="2"/>
  </si>
  <si>
    <t>本書記載の内容に虚偽事項その他不正手段による不正受給が判明した場合には、補助金を速</t>
    <phoneticPr fontId="2"/>
  </si>
  <si>
    <t>やかに返還いたします。</t>
    <phoneticPr fontId="2"/>
  </si>
  <si>
    <t>補助金受給後も事業を継続する意思があります。</t>
    <phoneticPr fontId="2"/>
  </si>
  <si>
    <t>国土交通省に対して、休車の有無に関する問い合わせを行うことに同意します。</t>
    <phoneticPr fontId="2"/>
  </si>
  <si>
    <t>（裏面へ）</t>
    <phoneticPr fontId="2"/>
  </si>
  <si>
    <t>３　補助金振込先情報</t>
    <phoneticPr fontId="2"/>
  </si>
  <si>
    <t>　令和４年度の「富山市タクシー燃料価格高騰対策支援事業費補助金（第２期）」を受けていて、</t>
    <rPh sb="1" eb="3">
      <t>レイワ</t>
    </rPh>
    <rPh sb="4" eb="6">
      <t>ネンド</t>
    </rPh>
    <rPh sb="10" eb="11">
      <t>シ</t>
    </rPh>
    <rPh sb="32" eb="33">
      <t>ダイ</t>
    </rPh>
    <rPh sb="34" eb="35">
      <t>キ</t>
    </rPh>
    <rPh sb="38" eb="39">
      <t>ウ</t>
    </rPh>
    <phoneticPr fontId="2"/>
  </si>
  <si>
    <t>振込先情報がその時と同じである場合は、以下にチェックし、振込先の記入は不要です。</t>
    <rPh sb="0" eb="3">
      <t>フリコミサキ</t>
    </rPh>
    <rPh sb="3" eb="5">
      <t>ジョウホウ</t>
    </rPh>
    <rPh sb="8" eb="9">
      <t>トキ</t>
    </rPh>
    <phoneticPr fontId="2"/>
  </si>
  <si>
    <t>振込先情報は令和４年度第２期（令和４年10月～令和５年２月分）の申請時と同様</t>
    <rPh sb="6" eb="8">
      <t>レイワ</t>
    </rPh>
    <rPh sb="9" eb="11">
      <t>ネンド</t>
    </rPh>
    <rPh sb="11" eb="12">
      <t>ダイ</t>
    </rPh>
    <rPh sb="13" eb="14">
      <t>キ</t>
    </rPh>
    <rPh sb="15" eb="17">
      <t>レイワ</t>
    </rPh>
    <rPh sb="18" eb="19">
      <t>ネン</t>
    </rPh>
    <rPh sb="21" eb="22">
      <t>ガツ</t>
    </rPh>
    <rPh sb="23" eb="25">
      <t>レイワ</t>
    </rPh>
    <rPh sb="26" eb="27">
      <t>ネン</t>
    </rPh>
    <rPh sb="28" eb="30">
      <t>ガツブン</t>
    </rPh>
    <rPh sb="32" eb="34">
      <t>シンセイ</t>
    </rPh>
    <rPh sb="34" eb="35">
      <t>ジ</t>
    </rPh>
    <rPh sb="36" eb="38">
      <t>ドウヨウ</t>
    </rPh>
    <phoneticPr fontId="2"/>
  </si>
  <si>
    <t>本補助金については、以下の金融機関の口座に振り込み願います。</t>
    <phoneticPr fontId="2"/>
  </si>
  <si>
    <t>振込先</t>
    <rPh sb="0" eb="3">
      <t>フリコミサキ</t>
    </rPh>
    <phoneticPr fontId="2"/>
  </si>
  <si>
    <t>金融機関名称</t>
    <phoneticPr fontId="2"/>
  </si>
  <si>
    <t>（　　　　　　　）銀行・信用金庫・漁業協同組合・農業協同組合</t>
    <phoneticPr fontId="2"/>
  </si>
  <si>
    <t>（　　　　　　　）本店・支店</t>
    <phoneticPr fontId="2"/>
  </si>
  <si>
    <t>　※ゆうちょ銀行の場合（　　　　　　　）店</t>
    <phoneticPr fontId="2"/>
  </si>
  <si>
    <t>口座種別</t>
    <phoneticPr fontId="2"/>
  </si>
  <si>
    <t>普通　・　当座</t>
    <phoneticPr fontId="2"/>
  </si>
  <si>
    <t>口座番号</t>
    <phoneticPr fontId="2"/>
  </si>
  <si>
    <t>フリガナ</t>
    <phoneticPr fontId="2"/>
  </si>
  <si>
    <t>口座名義人</t>
    <phoneticPr fontId="2"/>
  </si>
  <si>
    <t>※口座名義は、申請法人名義のものに限ります。（個人事業主の場合は個人名義）</t>
    <phoneticPr fontId="2"/>
  </si>
  <si>
    <r>
      <rPr>
        <b/>
        <sz val="16"/>
        <rFont val="ＭＳ ゴシック"/>
        <family val="3"/>
        <charset val="128"/>
      </rPr>
      <t>４　添付書類</t>
    </r>
    <r>
      <rPr>
        <sz val="16"/>
        <rFont val="ＭＳ 明朝"/>
        <family val="1"/>
        <charset val="128"/>
      </rPr>
      <t>　</t>
    </r>
    <r>
      <rPr>
        <sz val="14"/>
        <rFont val="ＭＳ 明朝"/>
        <family val="1"/>
        <charset val="128"/>
      </rPr>
      <t>※添付したものに☑をしてください。</t>
    </r>
    <phoneticPr fontId="2"/>
  </si>
  <si>
    <t>補助対象車両の登録番号を記した車両一覧表</t>
    <phoneticPr fontId="2"/>
  </si>
  <si>
    <t>　（様式１－２号。なお、令和５年３月１日から申請日までの各月の間、一時抹消登録、再</t>
    <phoneticPr fontId="2"/>
  </si>
  <si>
    <t>　登録、異動、廃車及び廃車代替購入があった場合にはその旨を付記すること）</t>
    <phoneticPr fontId="2"/>
  </si>
  <si>
    <t>補助対象車両の自動車検査証（申請時点で有効であるもの）の写し</t>
    <phoneticPr fontId="2"/>
  </si>
  <si>
    <t>　（補助算定期間中の各月において、稼働できる状態の日が５割以上である車両が補助対象</t>
    <rPh sb="25" eb="26">
      <t>ヒ</t>
    </rPh>
    <rPh sb="37" eb="41">
      <t>ホジョタイショウ</t>
    </rPh>
    <phoneticPr fontId="2"/>
  </si>
  <si>
    <t>　となる。）</t>
    <phoneticPr fontId="2"/>
  </si>
  <si>
    <t>　※申請時点で有効である車検証を提出すること</t>
    <rPh sb="2" eb="4">
      <t>シンセイ</t>
    </rPh>
    <rPh sb="4" eb="6">
      <t>ジテン</t>
    </rPh>
    <rPh sb="7" eb="9">
      <t>ユウコウ</t>
    </rPh>
    <rPh sb="12" eb="15">
      <t>シャケンショウ</t>
    </rPh>
    <rPh sb="16" eb="18">
      <t>テイシュツ</t>
    </rPh>
    <phoneticPr fontId="2"/>
  </si>
  <si>
    <t>一般乗用旅客自動車運送事業の許可証の写し</t>
    <phoneticPr fontId="2"/>
  </si>
  <si>
    <t>　（事業の譲渡を受けた場合は）譲渡譲受認可証の写し</t>
    <phoneticPr fontId="2"/>
  </si>
  <si>
    <t>　（許可証又は認可証以外の場合は）運輸支局が発行する証明書の写し</t>
    <phoneticPr fontId="2"/>
  </si>
  <si>
    <t>　※令和４年度第２期（R4.10月～R5.2月分）を申請した事業者は、提出済のため添付不要です。</t>
    <rPh sb="2" eb="4">
      <t>レイワ</t>
    </rPh>
    <rPh sb="5" eb="7">
      <t>ネンド</t>
    </rPh>
    <rPh sb="7" eb="8">
      <t>ダイ</t>
    </rPh>
    <rPh sb="9" eb="10">
      <t>キ</t>
    </rPh>
    <rPh sb="16" eb="17">
      <t>ガツ</t>
    </rPh>
    <rPh sb="22" eb="24">
      <t>ガツブン</t>
    </rPh>
    <rPh sb="26" eb="28">
      <t>シンセイ</t>
    </rPh>
    <rPh sb="30" eb="33">
      <t>ジギョウシャ</t>
    </rPh>
    <rPh sb="35" eb="37">
      <t>テイシュツ</t>
    </rPh>
    <rPh sb="37" eb="38">
      <t>スミ</t>
    </rPh>
    <phoneticPr fontId="2"/>
  </si>
  <si>
    <t>補助金受取口座の通帳の写し</t>
    <phoneticPr fontId="2"/>
  </si>
  <si>
    <t>（金融機関名・支店名・口座種別、口座名義人、口座番号が確認できるもの）</t>
    <phoneticPr fontId="2"/>
  </si>
  <si>
    <t>　※上記「振込先情報は令和４年度第２期（R4.10月～R5.2月分）の申請時と同様」にチェック</t>
    <rPh sb="2" eb="4">
      <t>ジョウキ</t>
    </rPh>
    <rPh sb="5" eb="8">
      <t>フリコミサキ</t>
    </rPh>
    <rPh sb="8" eb="10">
      <t>ジョウホウ</t>
    </rPh>
    <rPh sb="11" eb="13">
      <t>レイワ</t>
    </rPh>
    <rPh sb="14" eb="16">
      <t>ネンド</t>
    </rPh>
    <rPh sb="16" eb="17">
      <t>ダイ</t>
    </rPh>
    <rPh sb="18" eb="19">
      <t>キ</t>
    </rPh>
    <rPh sb="35" eb="38">
      <t>シンセイジ</t>
    </rPh>
    <rPh sb="39" eb="41">
      <t>ドウヨウ</t>
    </rPh>
    <phoneticPr fontId="2"/>
  </si>
  <si>
    <t>　　した場合は、添付不要です。</t>
    <phoneticPr fontId="2"/>
  </si>
  <si>
    <t>本件についての担当者・連絡先</t>
    <phoneticPr fontId="2"/>
  </si>
  <si>
    <t>所　　属</t>
    <phoneticPr fontId="2"/>
  </si>
  <si>
    <t>氏　　名</t>
    <phoneticPr fontId="2"/>
  </si>
  <si>
    <t>電話番号</t>
    <phoneticPr fontId="2"/>
  </si>
  <si>
    <t>メールアドレス</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13" x14ac:knownFonts="1">
    <font>
      <sz val="11"/>
      <color theme="1"/>
      <name val="游ゴシック"/>
      <family val="2"/>
      <charset val="128"/>
      <scheme val="minor"/>
    </font>
    <font>
      <sz val="16"/>
      <name val="ＭＳ 明朝"/>
      <family val="1"/>
      <charset val="128"/>
    </font>
    <font>
      <sz val="6"/>
      <name val="游ゴシック"/>
      <family val="2"/>
      <charset val="128"/>
      <scheme val="minor"/>
    </font>
    <font>
      <sz val="14"/>
      <name val="ＭＳ 明朝"/>
      <family val="1"/>
      <charset val="128"/>
    </font>
    <font>
      <b/>
      <sz val="18"/>
      <name val="ＭＳ ゴシック"/>
      <family val="3"/>
      <charset val="128"/>
    </font>
    <font>
      <b/>
      <sz val="16"/>
      <name val="ＭＳ 明朝"/>
      <family val="1"/>
      <charset val="128"/>
    </font>
    <font>
      <b/>
      <sz val="14"/>
      <name val="ＭＳ 明朝"/>
      <family val="1"/>
      <charset val="128"/>
    </font>
    <font>
      <b/>
      <sz val="16"/>
      <name val="ＭＳ ゴシック"/>
      <family val="3"/>
      <charset val="128"/>
    </font>
    <font>
      <sz val="14"/>
      <name val="ＭＳ ゴシック"/>
      <family val="3"/>
      <charset val="128"/>
    </font>
    <font>
      <sz val="14"/>
      <color rgb="FFFF0000"/>
      <name val="ＭＳ ゴシック"/>
      <family val="3"/>
      <charset val="128"/>
    </font>
    <font>
      <sz val="12"/>
      <color rgb="FFFF0000"/>
      <name val="ＭＳ 明朝"/>
      <family val="1"/>
      <charset val="128"/>
    </font>
    <font>
      <sz val="16"/>
      <name val="ＭＳ ゴシック"/>
      <family val="3"/>
      <charset val="128"/>
    </font>
    <font>
      <sz val="16"/>
      <name val="ＭＳ 明朝"/>
      <family val="3"/>
      <charset val="128"/>
    </font>
  </fonts>
  <fills count="2">
    <fill>
      <patternFill patternType="none"/>
    </fill>
    <fill>
      <patternFill patternType="gray125"/>
    </fill>
  </fills>
  <borders count="12">
    <border>
      <left/>
      <right/>
      <top/>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1">
    <xf numFmtId="0" fontId="0" fillId="0" borderId="0">
      <alignment vertical="center"/>
    </xf>
  </cellStyleXfs>
  <cellXfs count="44">
    <xf numFmtId="0" fontId="0" fillId="0" borderId="0" xfId="0">
      <alignment vertical="center"/>
    </xf>
    <xf numFmtId="0" fontId="1" fillId="0" borderId="0" xfId="0" applyFont="1">
      <alignment vertical="center"/>
    </xf>
    <xf numFmtId="0" fontId="3" fillId="0" borderId="0" xfId="0" applyFont="1">
      <alignment vertical="center"/>
    </xf>
    <xf numFmtId="0" fontId="1" fillId="0" borderId="0" xfId="0" applyFont="1" applyAlignment="1">
      <alignment horizontal="right" vertical="center"/>
    </xf>
    <xf numFmtId="0" fontId="5" fillId="0" borderId="0" xfId="0" applyFont="1">
      <alignment vertical="center"/>
    </xf>
    <xf numFmtId="0" fontId="6" fillId="0" borderId="0" xfId="0" applyFont="1" applyAlignment="1">
      <alignment horizontal="center" vertical="center"/>
    </xf>
    <xf numFmtId="0" fontId="1" fillId="0" borderId="0" xfId="0" applyFont="1" applyAlignment="1">
      <alignment horizontal="left" vertical="center"/>
    </xf>
    <xf numFmtId="0" fontId="6" fillId="0" borderId="0" xfId="0" applyFont="1" applyAlignment="1">
      <alignment horizontal="left" vertical="center"/>
    </xf>
    <xf numFmtId="0" fontId="3" fillId="0" borderId="0" xfId="0" applyFont="1" applyAlignment="1">
      <alignment horizontal="left" vertical="center"/>
    </xf>
    <xf numFmtId="0" fontId="7" fillId="0" borderId="0" xfId="0" applyFont="1">
      <alignment vertical="center"/>
    </xf>
    <xf numFmtId="0" fontId="7" fillId="0" borderId="0" xfId="0" applyFont="1" applyAlignment="1">
      <alignment horizontal="right" vertical="center"/>
    </xf>
    <xf numFmtId="0" fontId="8" fillId="0" borderId="0" xfId="0" applyFont="1" applyAlignment="1">
      <alignment horizontal="right" vertical="center"/>
    </xf>
    <xf numFmtId="0" fontId="8" fillId="0" borderId="0" xfId="0" applyFont="1">
      <alignment vertical="center"/>
    </xf>
    <xf numFmtId="176" fontId="8" fillId="0" borderId="0" xfId="0" applyNumberFormat="1" applyFont="1">
      <alignment vertical="center"/>
    </xf>
    <xf numFmtId="176" fontId="9" fillId="0" borderId="0" xfId="0" applyNumberFormat="1" applyFont="1">
      <alignment vertical="center"/>
    </xf>
    <xf numFmtId="0" fontId="10" fillId="0" borderId="0" xfId="0" applyFont="1">
      <alignment vertical="center"/>
    </xf>
    <xf numFmtId="0" fontId="11" fillId="0" borderId="0" xfId="0" applyFont="1">
      <alignment vertical="center"/>
    </xf>
    <xf numFmtId="0" fontId="1" fillId="0" borderId="0" xfId="0" applyFont="1" applyAlignment="1">
      <alignment horizontal="center" vertical="center"/>
    </xf>
    <xf numFmtId="0" fontId="3" fillId="0" borderId="0" xfId="0" applyFont="1" applyAlignment="1">
      <alignment horizontal="center" vertical="center"/>
    </xf>
    <xf numFmtId="0" fontId="3" fillId="0" borderId="4" xfId="0" applyFont="1" applyBorder="1">
      <alignment vertical="center"/>
    </xf>
    <xf numFmtId="0" fontId="3" fillId="0" borderId="3" xfId="0" applyFont="1" applyBorder="1">
      <alignment vertical="center"/>
    </xf>
    <xf numFmtId="0" fontId="3" fillId="0" borderId="6" xfId="0" applyFont="1" applyBorder="1">
      <alignment vertical="center"/>
    </xf>
    <xf numFmtId="0" fontId="3" fillId="0" borderId="1" xfId="0" applyFont="1" applyBorder="1">
      <alignment vertical="center"/>
    </xf>
    <xf numFmtId="0" fontId="3" fillId="0" borderId="8" xfId="0" applyFont="1" applyBorder="1">
      <alignment vertical="center"/>
    </xf>
    <xf numFmtId="0" fontId="12" fillId="0" borderId="0" xfId="0" applyFont="1">
      <alignment vertical="center"/>
    </xf>
    <xf numFmtId="0" fontId="4" fillId="0" borderId="0" xfId="0" applyFont="1" applyAlignment="1">
      <alignment horizontal="center" vertical="center"/>
    </xf>
    <xf numFmtId="0" fontId="1" fillId="0" borderId="0" xfId="0" applyFont="1" applyAlignment="1">
      <alignment horizontal="center" vertical="center"/>
    </xf>
    <xf numFmtId="176" fontId="7" fillId="0" borderId="1" xfId="0" applyNumberFormat="1" applyFont="1" applyBorder="1" applyAlignment="1">
      <alignment horizontal="center" vertical="center"/>
    </xf>
    <xf numFmtId="0" fontId="1" fillId="0" borderId="2" xfId="0" applyFont="1" applyBorder="1" applyAlignment="1">
      <alignment horizontal="center" vertical="center"/>
    </xf>
    <xf numFmtId="0" fontId="1" fillId="0" borderId="3" xfId="0" applyFont="1" applyBorder="1" applyAlignment="1">
      <alignment horizontal="center" vertical="center"/>
    </xf>
    <xf numFmtId="0" fontId="1" fillId="0" borderId="5" xfId="0" applyFont="1" applyBorder="1" applyAlignment="1">
      <alignment horizontal="center" vertical="center"/>
    </xf>
    <xf numFmtId="0" fontId="1" fillId="0" borderId="6" xfId="0" applyFont="1" applyBorder="1" applyAlignment="1">
      <alignment horizontal="center" vertical="center"/>
    </xf>
    <xf numFmtId="0" fontId="1" fillId="0" borderId="7"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10" xfId="0" applyFont="1" applyBorder="1" applyAlignment="1">
      <alignment horizontal="center" vertical="center"/>
    </xf>
    <xf numFmtId="0" fontId="1" fillId="0" borderId="11" xfId="0" applyFont="1" applyBorder="1" applyAlignment="1">
      <alignment horizontal="center" vertical="center"/>
    </xf>
    <xf numFmtId="49" fontId="3" fillId="0" borderId="9" xfId="0" applyNumberFormat="1" applyFont="1" applyBorder="1" applyAlignment="1">
      <alignment horizontal="center" vertical="center"/>
    </xf>
    <xf numFmtId="49" fontId="3" fillId="0" borderId="11" xfId="0" applyNumberFormat="1" applyFont="1" applyBorder="1" applyAlignment="1">
      <alignment horizontal="center" vertical="center"/>
    </xf>
    <xf numFmtId="49" fontId="3" fillId="0" borderId="10" xfId="0" applyNumberFormat="1" applyFont="1" applyBorder="1" applyAlignment="1">
      <alignment horizontal="center" vertical="center"/>
    </xf>
    <xf numFmtId="0" fontId="3" fillId="0" borderId="11" xfId="0" applyFont="1" applyBorder="1" applyAlignment="1">
      <alignment horizontal="left" vertical="center"/>
    </xf>
    <xf numFmtId="0" fontId="3" fillId="0" borderId="9" xfId="0" applyFont="1" applyBorder="1" applyAlignment="1">
      <alignment horizontal="left" vertical="center"/>
    </xf>
    <xf numFmtId="0" fontId="3" fillId="0" borderId="10" xfId="0" applyFont="1" applyBorder="1" applyAlignment="1">
      <alignment horizontal="left" vertical="center"/>
    </xf>
    <xf numFmtId="0" fontId="3" fillId="0" borderId="1"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158750</xdr:colOff>
      <xdr:row>84</xdr:row>
      <xdr:rowOff>21167</xdr:rowOff>
    </xdr:from>
    <xdr:to>
      <xdr:col>13</xdr:col>
      <xdr:colOff>370417</xdr:colOff>
      <xdr:row>89</xdr:row>
      <xdr:rowOff>21167</xdr:rowOff>
    </xdr:to>
    <xdr:sp macro="" textlink="">
      <xdr:nvSpPr>
        <xdr:cNvPr id="2" name="大かっこ 1">
          <a:extLst>
            <a:ext uri="{FF2B5EF4-FFF2-40B4-BE49-F238E27FC236}">
              <a16:creationId xmlns:a16="http://schemas.microsoft.com/office/drawing/2014/main" id="{4C812F66-17F8-4E5B-9DC3-265EE5BD24DB}"/>
            </a:ext>
          </a:extLst>
        </xdr:cNvPr>
        <xdr:cNvSpPr/>
      </xdr:nvSpPr>
      <xdr:spPr>
        <a:xfrm>
          <a:off x="3511550" y="25938692"/>
          <a:ext cx="4945592" cy="2076450"/>
        </a:xfrm>
        <a:prstGeom prst="bracketPair">
          <a:avLst>
            <a:gd name="adj" fmla="val 5491"/>
          </a:avLst>
        </a:prstGeom>
        <a:ln>
          <a:headEnd type="none" w="lg" len="lg"/>
          <a:tailEnd type="none" w="lg" len="lg"/>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5</xdr:col>
      <xdr:colOff>158750</xdr:colOff>
      <xdr:row>84</xdr:row>
      <xdr:rowOff>21167</xdr:rowOff>
    </xdr:from>
    <xdr:to>
      <xdr:col>13</xdr:col>
      <xdr:colOff>370417</xdr:colOff>
      <xdr:row>89</xdr:row>
      <xdr:rowOff>21167</xdr:rowOff>
    </xdr:to>
    <xdr:sp macro="" textlink="">
      <xdr:nvSpPr>
        <xdr:cNvPr id="3" name="大かっこ 2">
          <a:extLst>
            <a:ext uri="{FF2B5EF4-FFF2-40B4-BE49-F238E27FC236}">
              <a16:creationId xmlns:a16="http://schemas.microsoft.com/office/drawing/2014/main" id="{58DC6F63-1B2D-4BB7-B77A-752D2D1ED9EE}"/>
            </a:ext>
          </a:extLst>
        </xdr:cNvPr>
        <xdr:cNvSpPr/>
      </xdr:nvSpPr>
      <xdr:spPr>
        <a:xfrm>
          <a:off x="3511550" y="25938692"/>
          <a:ext cx="4945592" cy="2076450"/>
        </a:xfrm>
        <a:prstGeom prst="bracketPair">
          <a:avLst>
            <a:gd name="adj" fmla="val 5491"/>
          </a:avLst>
        </a:prstGeom>
        <a:ln>
          <a:headEnd type="none" w="lg" len="lg"/>
          <a:tailEnd type="none" w="lg" len="lg"/>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FF2D98D-DA4E-458F-94AF-C4C9414E53D4}">
  <sheetPr>
    <tabColor rgb="FFFFFF00"/>
  </sheetPr>
  <dimension ref="A1:P89"/>
  <sheetViews>
    <sheetView tabSelected="1" view="pageBreakPreview" zoomScale="85" zoomScaleNormal="100" zoomScaleSheetLayoutView="85" workbookViewId="0">
      <selection activeCell="T25" sqref="T25"/>
    </sheetView>
  </sheetViews>
  <sheetFormatPr defaultColWidth="9" defaultRowHeight="21.75" customHeight="1" x14ac:dyDescent="0.4"/>
  <cols>
    <col min="1" max="1" width="6" style="2" customWidth="1"/>
    <col min="2" max="2" width="7.5" style="2" bestFit="1" customWidth="1"/>
    <col min="3" max="3" width="12.875" style="2" customWidth="1"/>
    <col min="4" max="4" width="7.5" style="2" bestFit="1" customWidth="1"/>
    <col min="5" max="5" width="10.125" style="2" customWidth="1"/>
    <col min="6" max="6" width="5.5" style="2" bestFit="1" customWidth="1"/>
    <col min="7" max="7" width="6.5" style="2" customWidth="1"/>
    <col min="8" max="8" width="12.625" style="2" customWidth="1"/>
    <col min="9" max="9" width="11" style="2" customWidth="1"/>
    <col min="10" max="10" width="7.5" style="2" bestFit="1" customWidth="1"/>
    <col min="11" max="11" width="7" style="2" customWidth="1"/>
    <col min="12" max="12" width="5.5" style="2" bestFit="1" customWidth="1"/>
    <col min="13" max="13" width="6.5" style="2" customWidth="1"/>
    <col min="14" max="14" width="13" style="2" customWidth="1"/>
    <col min="15" max="16" width="5.625" style="2" customWidth="1"/>
    <col min="17" max="16384" width="9" style="2"/>
  </cols>
  <sheetData>
    <row r="1" spans="1:16" ht="21.75" customHeight="1" x14ac:dyDescent="0.4">
      <c r="A1" s="1" t="s">
        <v>0</v>
      </c>
      <c r="B1" s="1"/>
      <c r="C1" s="1"/>
      <c r="D1" s="1"/>
      <c r="E1" s="1"/>
      <c r="F1" s="1"/>
      <c r="G1" s="1"/>
      <c r="H1" s="1"/>
      <c r="I1" s="1"/>
      <c r="J1" s="1"/>
      <c r="K1" s="1"/>
      <c r="L1" s="1"/>
      <c r="M1" s="1"/>
      <c r="N1" s="1"/>
    </row>
    <row r="2" spans="1:16" ht="21.75" customHeight="1" x14ac:dyDescent="0.4">
      <c r="A2" s="1"/>
      <c r="B2" s="1"/>
      <c r="C2" s="1"/>
      <c r="D2" s="1"/>
      <c r="E2" s="1"/>
      <c r="F2" s="1"/>
      <c r="G2" s="1"/>
      <c r="H2" s="1"/>
      <c r="I2" s="1"/>
      <c r="J2" s="1"/>
      <c r="K2" s="1"/>
      <c r="L2" s="1"/>
      <c r="M2" s="1"/>
      <c r="N2" s="3" t="s">
        <v>1</v>
      </c>
    </row>
    <row r="3" spans="1:16" ht="21.75" customHeight="1" x14ac:dyDescent="0.4">
      <c r="A3" s="1" t="s">
        <v>2</v>
      </c>
      <c r="B3" s="1"/>
      <c r="C3" s="1"/>
      <c r="D3" s="1"/>
      <c r="E3" s="1"/>
      <c r="F3" s="1"/>
      <c r="G3" s="1"/>
      <c r="H3" s="1"/>
      <c r="I3" s="1"/>
      <c r="J3" s="1"/>
      <c r="K3" s="1"/>
      <c r="L3" s="1"/>
      <c r="M3" s="1"/>
      <c r="N3" s="1"/>
    </row>
    <row r="4" spans="1:16" ht="21.75" customHeight="1" x14ac:dyDescent="0.4">
      <c r="A4" s="1"/>
      <c r="B4" s="1"/>
      <c r="C4" s="1"/>
      <c r="D4" s="1"/>
      <c r="E4" s="1"/>
      <c r="F4" s="1"/>
      <c r="G4" s="1"/>
      <c r="H4" s="1"/>
      <c r="I4" s="1"/>
      <c r="J4" s="1"/>
      <c r="K4" s="1"/>
      <c r="L4" s="1"/>
      <c r="M4" s="1"/>
      <c r="N4" s="1"/>
    </row>
    <row r="6" spans="1:16" ht="21.75" customHeight="1" x14ac:dyDescent="0.4">
      <c r="H6" s="2" t="s">
        <v>3</v>
      </c>
    </row>
    <row r="7" spans="1:16" ht="21.75" customHeight="1" x14ac:dyDescent="0.4">
      <c r="H7" s="2" t="s">
        <v>4</v>
      </c>
    </row>
    <row r="10" spans="1:16" ht="21.75" customHeight="1" x14ac:dyDescent="0.4">
      <c r="H10" s="2" t="s">
        <v>5</v>
      </c>
    </row>
    <row r="15" spans="1:16" s="1" customFormat="1" ht="24.75" customHeight="1" x14ac:dyDescent="0.4">
      <c r="A15" s="25" t="s">
        <v>6</v>
      </c>
      <c r="B15" s="25"/>
      <c r="C15" s="25"/>
      <c r="D15" s="25"/>
      <c r="E15" s="25"/>
      <c r="F15" s="25"/>
      <c r="G15" s="25"/>
      <c r="H15" s="25"/>
      <c r="I15" s="25"/>
      <c r="J15" s="25"/>
      <c r="K15" s="25"/>
      <c r="L15" s="25"/>
      <c r="M15" s="25"/>
      <c r="N15" s="25"/>
      <c r="O15" s="4"/>
      <c r="P15" s="4"/>
    </row>
    <row r="16" spans="1:16" s="1" customFormat="1" ht="24.75" customHeight="1" x14ac:dyDescent="0.4">
      <c r="A16" s="25" t="s">
        <v>7</v>
      </c>
      <c r="B16" s="25"/>
      <c r="C16" s="25"/>
      <c r="D16" s="25"/>
      <c r="E16" s="25"/>
      <c r="F16" s="25"/>
      <c r="G16" s="25"/>
      <c r="H16" s="25"/>
      <c r="I16" s="25"/>
      <c r="J16" s="25"/>
      <c r="K16" s="25"/>
      <c r="L16" s="25"/>
      <c r="M16" s="25"/>
      <c r="N16" s="25"/>
      <c r="O16" s="4"/>
      <c r="P16" s="4"/>
    </row>
    <row r="17" spans="1:16" ht="33.75" customHeight="1" x14ac:dyDescent="0.4">
      <c r="A17" s="5"/>
      <c r="B17" s="5"/>
      <c r="C17" s="5"/>
      <c r="D17" s="5"/>
      <c r="E17" s="5"/>
      <c r="F17" s="5"/>
      <c r="G17" s="5"/>
      <c r="H17" s="5"/>
      <c r="I17" s="5"/>
      <c r="J17" s="5"/>
      <c r="K17" s="5"/>
      <c r="L17" s="5"/>
      <c r="M17" s="5"/>
      <c r="N17" s="5"/>
      <c r="O17" s="5"/>
      <c r="P17" s="5"/>
    </row>
    <row r="18" spans="1:16" s="8" customFormat="1" ht="26.25" customHeight="1" x14ac:dyDescent="0.4">
      <c r="A18" s="6" t="s">
        <v>8</v>
      </c>
      <c r="B18" s="7"/>
      <c r="C18" s="7"/>
      <c r="D18" s="7"/>
      <c r="E18" s="7"/>
      <c r="F18" s="7"/>
      <c r="G18" s="7"/>
      <c r="H18" s="7"/>
      <c r="I18" s="7"/>
      <c r="J18" s="7"/>
      <c r="K18" s="7"/>
      <c r="L18" s="7"/>
      <c r="M18" s="7"/>
      <c r="N18" s="7"/>
      <c r="O18" s="7"/>
      <c r="P18" s="7"/>
    </row>
    <row r="19" spans="1:16" s="8" customFormat="1" ht="26.25" customHeight="1" x14ac:dyDescent="0.4">
      <c r="A19" s="6" t="s">
        <v>9</v>
      </c>
      <c r="B19" s="7"/>
      <c r="C19" s="7"/>
      <c r="D19" s="7"/>
      <c r="E19" s="7"/>
      <c r="F19" s="7"/>
      <c r="G19" s="7"/>
      <c r="H19" s="7"/>
      <c r="I19" s="7"/>
      <c r="J19" s="7"/>
      <c r="K19" s="7"/>
      <c r="L19" s="7"/>
      <c r="M19" s="7"/>
      <c r="N19" s="7"/>
      <c r="O19" s="7"/>
      <c r="P19" s="7"/>
    </row>
    <row r="20" spans="1:16" s="8" customFormat="1" ht="26.25" customHeight="1" x14ac:dyDescent="0.4">
      <c r="A20" s="6" t="s">
        <v>10</v>
      </c>
    </row>
    <row r="21" spans="1:16" s="8" customFormat="1" ht="33.75" customHeight="1" x14ac:dyDescent="0.4"/>
    <row r="22" spans="1:16" s="8" customFormat="1" ht="21.75" customHeight="1" x14ac:dyDescent="0.4">
      <c r="A22" s="26" t="s">
        <v>11</v>
      </c>
      <c r="B22" s="26"/>
      <c r="C22" s="26"/>
      <c r="D22" s="26"/>
      <c r="E22" s="26"/>
      <c r="F22" s="26"/>
      <c r="G22" s="26"/>
      <c r="H22" s="26"/>
      <c r="I22" s="26"/>
      <c r="J22" s="26"/>
      <c r="K22" s="26"/>
      <c r="L22" s="26"/>
      <c r="M22" s="26"/>
      <c r="N22" s="26"/>
    </row>
    <row r="23" spans="1:16" s="8" customFormat="1" ht="36" customHeight="1" x14ac:dyDescent="0.4"/>
    <row r="24" spans="1:16" ht="21.75" customHeight="1" x14ac:dyDescent="0.4">
      <c r="A24" s="9" t="s">
        <v>12</v>
      </c>
      <c r="B24" s="1"/>
      <c r="C24" s="3"/>
      <c r="D24" s="10" t="s">
        <v>13</v>
      </c>
      <c r="E24" s="27"/>
      <c r="F24" s="27"/>
      <c r="G24" s="27"/>
      <c r="H24" s="9" t="s">
        <v>14</v>
      </c>
    </row>
    <row r="25" spans="1:16" s="12" customFormat="1" ht="22.5" customHeight="1" x14ac:dyDescent="0.4">
      <c r="A25" s="11"/>
      <c r="B25" s="12" t="s">
        <v>15</v>
      </c>
      <c r="C25" s="13">
        <f>E25*G25</f>
        <v>0</v>
      </c>
      <c r="D25" s="12" t="s">
        <v>16</v>
      </c>
      <c r="E25" s="13">
        <v>1600</v>
      </c>
      <c r="F25" s="12" t="s">
        <v>17</v>
      </c>
      <c r="G25" s="13"/>
      <c r="H25" s="12" t="s">
        <v>18</v>
      </c>
    </row>
    <row r="26" spans="1:16" s="12" customFormat="1" ht="22.5" customHeight="1" x14ac:dyDescent="0.4">
      <c r="A26" s="11"/>
      <c r="B26" s="12" t="s">
        <v>19</v>
      </c>
      <c r="C26" s="13">
        <f>E26*G26</f>
        <v>0</v>
      </c>
      <c r="D26" s="12" t="s">
        <v>16</v>
      </c>
      <c r="E26" s="13">
        <v>2400</v>
      </c>
      <c r="F26" s="12" t="s">
        <v>17</v>
      </c>
      <c r="G26" s="13"/>
      <c r="H26" s="12" t="s">
        <v>18</v>
      </c>
      <c r="I26" s="13"/>
      <c r="K26" s="14"/>
      <c r="M26" s="13"/>
    </row>
    <row r="27" spans="1:16" s="12" customFormat="1" ht="22.5" customHeight="1" x14ac:dyDescent="0.4">
      <c r="B27" s="12" t="s">
        <v>20</v>
      </c>
      <c r="C27" s="13">
        <f t="shared" ref="C27" si="0">E27*G27</f>
        <v>0</v>
      </c>
      <c r="D27" s="12" t="s">
        <v>16</v>
      </c>
      <c r="E27" s="13">
        <v>3600</v>
      </c>
      <c r="F27" s="12" t="s">
        <v>17</v>
      </c>
      <c r="G27" s="13"/>
      <c r="H27" s="12" t="s">
        <v>18</v>
      </c>
    </row>
    <row r="28" spans="1:16" s="12" customFormat="1" ht="22.5" customHeight="1" x14ac:dyDescent="0.4">
      <c r="A28" s="11"/>
      <c r="B28" s="12" t="s">
        <v>21</v>
      </c>
      <c r="C28" s="13">
        <f>E28*G28</f>
        <v>0</v>
      </c>
      <c r="D28" s="12" t="s">
        <v>16</v>
      </c>
      <c r="E28" s="13">
        <v>4500</v>
      </c>
      <c r="F28" s="12" t="s">
        <v>17</v>
      </c>
      <c r="G28" s="13"/>
      <c r="H28" s="12" t="s">
        <v>18</v>
      </c>
      <c r="I28" s="13"/>
      <c r="K28" s="14"/>
      <c r="M28" s="13"/>
    </row>
    <row r="29" spans="1:16" s="12" customFormat="1" ht="22.5" customHeight="1" x14ac:dyDescent="0.4">
      <c r="B29" s="12" t="s">
        <v>22</v>
      </c>
      <c r="C29" s="13">
        <f t="shared" ref="C29:C31" si="1">E29*G29</f>
        <v>0</v>
      </c>
      <c r="D29" s="12" t="s">
        <v>16</v>
      </c>
      <c r="E29" s="13">
        <v>4200</v>
      </c>
      <c r="F29" s="12" t="s">
        <v>17</v>
      </c>
      <c r="G29" s="13"/>
      <c r="H29" s="12" t="s">
        <v>18</v>
      </c>
    </row>
    <row r="30" spans="1:16" s="12" customFormat="1" ht="22.5" customHeight="1" x14ac:dyDescent="0.4">
      <c r="B30" s="12" t="s">
        <v>23</v>
      </c>
      <c r="C30" s="13">
        <f>E30*G30</f>
        <v>0</v>
      </c>
      <c r="D30" s="12" t="s">
        <v>16</v>
      </c>
      <c r="E30" s="13">
        <v>4300</v>
      </c>
      <c r="F30" s="12" t="s">
        <v>17</v>
      </c>
      <c r="G30" s="13"/>
      <c r="H30" s="12" t="s">
        <v>18</v>
      </c>
      <c r="I30" s="13"/>
      <c r="K30" s="14"/>
      <c r="M30" s="13"/>
    </row>
    <row r="31" spans="1:16" s="12" customFormat="1" ht="22.5" customHeight="1" x14ac:dyDescent="0.4">
      <c r="B31" s="12" t="s">
        <v>24</v>
      </c>
      <c r="C31" s="13">
        <f t="shared" si="1"/>
        <v>0</v>
      </c>
      <c r="D31" s="12" t="s">
        <v>16</v>
      </c>
      <c r="E31" s="13">
        <v>3700</v>
      </c>
      <c r="F31" s="12" t="s">
        <v>17</v>
      </c>
      <c r="G31" s="13"/>
      <c r="H31" s="12" t="s">
        <v>18</v>
      </c>
    </row>
    <row r="32" spans="1:16" ht="21.75" customHeight="1" x14ac:dyDescent="0.4">
      <c r="E32" s="15" t="s">
        <v>25</v>
      </c>
    </row>
    <row r="33" spans="1:14" ht="11.1" customHeight="1" x14ac:dyDescent="0.4"/>
    <row r="34" spans="1:14" ht="21.6" customHeight="1" x14ac:dyDescent="0.4">
      <c r="A34" s="16" t="s">
        <v>26</v>
      </c>
      <c r="B34" s="1"/>
      <c r="C34" s="1"/>
      <c r="D34" s="1"/>
      <c r="E34" s="1"/>
    </row>
    <row r="35" spans="1:14" ht="21.75" customHeight="1" x14ac:dyDescent="0.4">
      <c r="A35" s="2" t="s">
        <v>27</v>
      </c>
    </row>
    <row r="36" spans="1:14" ht="9" customHeight="1" x14ac:dyDescent="0.4"/>
    <row r="37" spans="1:14" ht="27" customHeight="1" x14ac:dyDescent="0.4">
      <c r="A37" s="17" t="s">
        <v>28</v>
      </c>
      <c r="B37" s="1" t="s">
        <v>29</v>
      </c>
    </row>
    <row r="38" spans="1:14" ht="27" customHeight="1" x14ac:dyDescent="0.4">
      <c r="A38" s="17" t="s">
        <v>28</v>
      </c>
      <c r="B38" s="1" t="s">
        <v>30</v>
      </c>
    </row>
    <row r="39" spans="1:14" ht="27" customHeight="1" x14ac:dyDescent="0.4">
      <c r="A39" s="17" t="s">
        <v>28</v>
      </c>
      <c r="B39" s="1" t="s">
        <v>31</v>
      </c>
    </row>
    <row r="40" spans="1:14" ht="27" customHeight="1" x14ac:dyDescent="0.4">
      <c r="A40" s="1"/>
      <c r="B40" s="1" t="s">
        <v>32</v>
      </c>
    </row>
    <row r="41" spans="1:14" ht="27" customHeight="1" x14ac:dyDescent="0.4">
      <c r="A41" s="17" t="s">
        <v>28</v>
      </c>
      <c r="B41" s="1" t="s">
        <v>33</v>
      </c>
    </row>
    <row r="42" spans="1:14" ht="27" customHeight="1" x14ac:dyDescent="0.4">
      <c r="A42" s="1"/>
      <c r="B42" s="1" t="s">
        <v>34</v>
      </c>
    </row>
    <row r="43" spans="1:14" ht="27" customHeight="1" x14ac:dyDescent="0.4">
      <c r="A43" s="17" t="s">
        <v>28</v>
      </c>
      <c r="B43" s="1" t="s">
        <v>35</v>
      </c>
    </row>
    <row r="44" spans="1:14" ht="27" customHeight="1" x14ac:dyDescent="0.4">
      <c r="A44" s="17" t="s">
        <v>28</v>
      </c>
      <c r="B44" s="1" t="s">
        <v>36</v>
      </c>
    </row>
    <row r="45" spans="1:14" ht="27" customHeight="1" x14ac:dyDescent="0.4">
      <c r="A45" s="17"/>
    </row>
    <row r="46" spans="1:14" ht="27" customHeight="1" x14ac:dyDescent="0.4">
      <c r="A46" s="17"/>
    </row>
    <row r="47" spans="1:14" ht="21.75" customHeight="1" x14ac:dyDescent="0.4">
      <c r="B47" s="18"/>
    </row>
    <row r="48" spans="1:14" ht="21.75" customHeight="1" x14ac:dyDescent="0.4">
      <c r="N48" s="3" t="s">
        <v>37</v>
      </c>
    </row>
    <row r="50" spans="1:14" ht="21.75" customHeight="1" x14ac:dyDescent="0.4">
      <c r="A50" s="9" t="s">
        <v>38</v>
      </c>
    </row>
    <row r="51" spans="1:14" ht="21.75" customHeight="1" x14ac:dyDescent="0.4">
      <c r="A51" s="9"/>
    </row>
    <row r="52" spans="1:14" ht="21.75" customHeight="1" x14ac:dyDescent="0.4">
      <c r="A52" s="1" t="s">
        <v>39</v>
      </c>
    </row>
    <row r="53" spans="1:14" ht="21.75" customHeight="1" x14ac:dyDescent="0.4">
      <c r="A53" s="1" t="s">
        <v>40</v>
      </c>
      <c r="B53" s="1"/>
    </row>
    <row r="54" spans="1:14" ht="9.75" customHeight="1" x14ac:dyDescent="0.4">
      <c r="A54" s="9"/>
      <c r="B54" s="1"/>
    </row>
    <row r="55" spans="1:14" ht="21.75" customHeight="1" x14ac:dyDescent="0.4">
      <c r="A55" s="17" t="s">
        <v>28</v>
      </c>
      <c r="B55" s="1" t="s">
        <v>41</v>
      </c>
    </row>
    <row r="56" spans="1:14" ht="21.75" customHeight="1" x14ac:dyDescent="0.4">
      <c r="A56" s="17"/>
      <c r="B56" s="1"/>
    </row>
    <row r="57" spans="1:14" ht="21.75" customHeight="1" x14ac:dyDescent="0.4">
      <c r="A57" s="1" t="s">
        <v>42</v>
      </c>
    </row>
    <row r="58" spans="1:14" ht="28.5" customHeight="1" x14ac:dyDescent="0.4">
      <c r="A58" s="28" t="s">
        <v>43</v>
      </c>
      <c r="B58" s="29"/>
      <c r="C58" s="28" t="s">
        <v>44</v>
      </c>
      <c r="D58" s="29"/>
      <c r="E58" s="19" t="s">
        <v>45</v>
      </c>
      <c r="F58" s="19"/>
      <c r="G58" s="19"/>
      <c r="H58" s="19"/>
      <c r="I58" s="19"/>
      <c r="J58" s="19"/>
      <c r="K58" s="19"/>
      <c r="L58" s="19"/>
      <c r="M58" s="19"/>
      <c r="N58" s="20"/>
    </row>
    <row r="59" spans="1:14" ht="28.5" customHeight="1" x14ac:dyDescent="0.4">
      <c r="A59" s="30"/>
      <c r="B59" s="31"/>
      <c r="C59" s="30"/>
      <c r="D59" s="31"/>
      <c r="E59" s="2" t="s">
        <v>46</v>
      </c>
      <c r="N59" s="21"/>
    </row>
    <row r="60" spans="1:14" ht="28.5" customHeight="1" x14ac:dyDescent="0.4">
      <c r="A60" s="30"/>
      <c r="B60" s="31"/>
      <c r="C60" s="32"/>
      <c r="D60" s="33"/>
      <c r="E60" s="22" t="s">
        <v>47</v>
      </c>
      <c r="F60" s="22"/>
      <c r="G60" s="22"/>
      <c r="H60" s="22"/>
      <c r="I60" s="22"/>
      <c r="J60" s="22"/>
      <c r="K60" s="22"/>
      <c r="L60" s="22"/>
      <c r="M60" s="22"/>
      <c r="N60" s="23"/>
    </row>
    <row r="61" spans="1:14" ht="42" customHeight="1" x14ac:dyDescent="0.4">
      <c r="A61" s="30"/>
      <c r="B61" s="31"/>
      <c r="C61" s="34" t="s">
        <v>48</v>
      </c>
      <c r="D61" s="35"/>
      <c r="E61" s="34" t="s">
        <v>49</v>
      </c>
      <c r="F61" s="36"/>
      <c r="G61" s="36"/>
      <c r="H61" s="35"/>
      <c r="I61" s="34" t="s">
        <v>50</v>
      </c>
      <c r="J61" s="35"/>
      <c r="K61" s="37"/>
      <c r="L61" s="38"/>
      <c r="M61" s="38"/>
      <c r="N61" s="39"/>
    </row>
    <row r="62" spans="1:14" ht="27" customHeight="1" x14ac:dyDescent="0.4">
      <c r="A62" s="30"/>
      <c r="B62" s="31"/>
      <c r="C62" s="34" t="s">
        <v>51</v>
      </c>
      <c r="D62" s="35"/>
      <c r="E62" s="41"/>
      <c r="F62" s="40"/>
      <c r="G62" s="40"/>
      <c r="H62" s="40"/>
      <c r="I62" s="40"/>
      <c r="J62" s="40"/>
      <c r="K62" s="40"/>
      <c r="L62" s="40"/>
      <c r="M62" s="40"/>
      <c r="N62" s="42"/>
    </row>
    <row r="63" spans="1:14" ht="51" customHeight="1" x14ac:dyDescent="0.4">
      <c r="A63" s="32"/>
      <c r="B63" s="33"/>
      <c r="C63" s="34" t="s">
        <v>52</v>
      </c>
      <c r="D63" s="35"/>
      <c r="E63" s="41"/>
      <c r="F63" s="40"/>
      <c r="G63" s="40"/>
      <c r="H63" s="40"/>
      <c r="I63" s="40"/>
      <c r="J63" s="40"/>
      <c r="K63" s="40"/>
      <c r="L63" s="40"/>
      <c r="M63" s="40"/>
      <c r="N63" s="42"/>
    </row>
    <row r="64" spans="1:14" ht="21.75" customHeight="1" x14ac:dyDescent="0.4">
      <c r="A64" s="1" t="s">
        <v>53</v>
      </c>
    </row>
    <row r="67" spans="1:3" ht="21.75" customHeight="1" x14ac:dyDescent="0.4">
      <c r="A67" s="24" t="s">
        <v>54</v>
      </c>
    </row>
    <row r="68" spans="1:3" ht="14.25" customHeight="1" x14ac:dyDescent="0.4"/>
    <row r="69" spans="1:3" ht="26.25" customHeight="1" x14ac:dyDescent="0.4">
      <c r="A69" s="17" t="s">
        <v>28</v>
      </c>
      <c r="B69" s="1" t="s">
        <v>55</v>
      </c>
      <c r="C69" s="1"/>
    </row>
    <row r="70" spans="1:3" ht="26.25" customHeight="1" x14ac:dyDescent="0.4">
      <c r="B70" s="1" t="s">
        <v>56</v>
      </c>
      <c r="C70" s="1"/>
    </row>
    <row r="71" spans="1:3" ht="26.25" customHeight="1" x14ac:dyDescent="0.4">
      <c r="B71" s="1" t="s">
        <v>57</v>
      </c>
      <c r="C71" s="1"/>
    </row>
    <row r="72" spans="1:3" ht="26.25" customHeight="1" x14ac:dyDescent="0.4">
      <c r="A72" s="17" t="s">
        <v>28</v>
      </c>
      <c r="B72" s="1" t="s">
        <v>58</v>
      </c>
      <c r="C72" s="1"/>
    </row>
    <row r="73" spans="1:3" ht="26.25" customHeight="1" x14ac:dyDescent="0.4">
      <c r="B73" s="1" t="s">
        <v>59</v>
      </c>
      <c r="C73" s="1"/>
    </row>
    <row r="74" spans="1:3" ht="26.25" customHeight="1" x14ac:dyDescent="0.4">
      <c r="B74" s="1" t="s">
        <v>60</v>
      </c>
      <c r="C74" s="1"/>
    </row>
    <row r="75" spans="1:3" ht="26.25" customHeight="1" x14ac:dyDescent="0.4">
      <c r="A75" s="17"/>
      <c r="B75" s="1" t="s">
        <v>61</v>
      </c>
      <c r="C75" s="1"/>
    </row>
    <row r="76" spans="1:3" ht="26.25" customHeight="1" x14ac:dyDescent="0.4">
      <c r="A76" s="17" t="s">
        <v>28</v>
      </c>
      <c r="B76" s="1" t="s">
        <v>62</v>
      </c>
      <c r="C76" s="1"/>
    </row>
    <row r="77" spans="1:3" ht="26.25" customHeight="1" x14ac:dyDescent="0.4">
      <c r="B77" s="1" t="s">
        <v>63</v>
      </c>
      <c r="C77" s="1"/>
    </row>
    <row r="78" spans="1:3" ht="26.25" customHeight="1" x14ac:dyDescent="0.4">
      <c r="B78" s="1" t="s">
        <v>64</v>
      </c>
      <c r="C78" s="1"/>
    </row>
    <row r="79" spans="1:3" ht="26.25" customHeight="1" x14ac:dyDescent="0.4">
      <c r="B79" s="1" t="s">
        <v>65</v>
      </c>
      <c r="C79" s="1"/>
    </row>
    <row r="80" spans="1:3" ht="26.25" customHeight="1" x14ac:dyDescent="0.4">
      <c r="A80" s="17" t="s">
        <v>28</v>
      </c>
      <c r="B80" s="1" t="s">
        <v>66</v>
      </c>
      <c r="C80" s="1"/>
    </row>
    <row r="81" spans="2:13" ht="26.25" customHeight="1" x14ac:dyDescent="0.4">
      <c r="B81" s="1" t="s">
        <v>67</v>
      </c>
      <c r="C81" s="1"/>
    </row>
    <row r="82" spans="2:13" ht="26.25" customHeight="1" x14ac:dyDescent="0.4">
      <c r="B82" s="1" t="s">
        <v>68</v>
      </c>
      <c r="C82" s="1"/>
    </row>
    <row r="83" spans="2:13" ht="26.25" customHeight="1" x14ac:dyDescent="0.4">
      <c r="B83" s="1" t="s">
        <v>69</v>
      </c>
      <c r="C83" s="1"/>
    </row>
    <row r="85" spans="2:13" ht="31.5" customHeight="1" x14ac:dyDescent="0.4">
      <c r="G85" s="9" t="s">
        <v>70</v>
      </c>
    </row>
    <row r="86" spans="2:13" ht="33" customHeight="1" x14ac:dyDescent="0.4">
      <c r="G86" s="1" t="s">
        <v>71</v>
      </c>
      <c r="I86" s="43"/>
      <c r="J86" s="43"/>
      <c r="K86" s="43"/>
      <c r="L86" s="43"/>
      <c r="M86" s="43"/>
    </row>
    <row r="87" spans="2:13" ht="33" customHeight="1" x14ac:dyDescent="0.4">
      <c r="G87" s="1" t="s">
        <v>72</v>
      </c>
      <c r="I87" s="40"/>
      <c r="J87" s="40"/>
      <c r="K87" s="40"/>
      <c r="L87" s="40"/>
      <c r="M87" s="40"/>
    </row>
    <row r="88" spans="2:13" ht="33" customHeight="1" x14ac:dyDescent="0.4">
      <c r="G88" s="1" t="s">
        <v>73</v>
      </c>
      <c r="I88" s="40"/>
      <c r="J88" s="40"/>
      <c r="K88" s="40"/>
      <c r="L88" s="40"/>
      <c r="M88" s="40"/>
    </row>
    <row r="89" spans="2:13" ht="33" customHeight="1" x14ac:dyDescent="0.4">
      <c r="G89" s="2" t="s">
        <v>74</v>
      </c>
      <c r="I89" s="40"/>
      <c r="J89" s="40"/>
      <c r="K89" s="40"/>
      <c r="L89" s="40"/>
      <c r="M89" s="40"/>
    </row>
  </sheetData>
  <mergeCells count="18">
    <mergeCell ref="I88:M88"/>
    <mergeCell ref="I89:M89"/>
    <mergeCell ref="C62:D62"/>
    <mergeCell ref="E62:N62"/>
    <mergeCell ref="C63:D63"/>
    <mergeCell ref="E63:N63"/>
    <mergeCell ref="I86:M86"/>
    <mergeCell ref="I87:M87"/>
    <mergeCell ref="A15:N15"/>
    <mergeCell ref="A16:N16"/>
    <mergeCell ref="A22:N22"/>
    <mergeCell ref="E24:G24"/>
    <mergeCell ref="A58:B63"/>
    <mergeCell ref="C58:D60"/>
    <mergeCell ref="C61:D61"/>
    <mergeCell ref="E61:H61"/>
    <mergeCell ref="I61:J61"/>
    <mergeCell ref="K61:N61"/>
  </mergeCells>
  <phoneticPr fontId="2"/>
  <printOptions horizontalCentered="1"/>
  <pageMargins left="0.70866141732283472" right="0.70866141732283472" top="0.70866141732283472" bottom="0.70866141732283472" header="0.31496062992125984" footer="0.31496062992125984"/>
  <pageSetup paperSize="9" scale="62" fitToHeight="2" orientation="portrait" r:id="rId1"/>
  <headerFooter differentFirst="1">
    <firstHeader>&amp;R&amp;"ＭＳ 明朝,標準"&amp;16（課税事業者用）</firstHeader>
  </headerFooter>
  <rowBreaks count="1" manualBreakCount="1">
    <brk id="48" max="1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1-1） (第１期)</vt:lpstr>
      <vt:lpstr>'申請書（1-1） (第１期)'!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田　健史</dc:creator>
  <cp:lastModifiedBy>島田　健史</cp:lastModifiedBy>
  <dcterms:created xsi:type="dcterms:W3CDTF">2023-10-12T01:46:49Z</dcterms:created>
  <dcterms:modified xsi:type="dcterms:W3CDTF">2023-10-16T01:18:58Z</dcterms:modified>
</cp:coreProperties>
</file>